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unin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6B33619-E770-E7E3-AFE5-40C4F1B4968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57288" y="5299460"/>
            <a:ext cx="2282712" cy="136962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2BBA5100-4CA1-1967-2B7E-3F36E6A0F9C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39354" y="4492101"/>
            <a:ext cx="1542056" cy="92523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7-25T12:55:43Z</dcterms:modified>
</cp:coreProperties>
</file>